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3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4025\Desktop\"/>
    </mc:Choice>
  </mc:AlternateContent>
  <xr:revisionPtr revIDLastSave="0" documentId="13_ncr:1_{0FCD9647-9072-437F-BCEE-68F5C97FBEBA}" xr6:coauthVersionLast="47" xr6:coauthVersionMax="47" xr10:uidLastSave="{00000000-0000-0000-0000-000000000000}"/>
  <bookViews>
    <workbookView xWindow="-120" yWindow="-120" windowWidth="29040" windowHeight="15720" xr2:uid="{763D9B88-1DC0-4FB1-BD49-7D486BB4A111}"/>
  </bookViews>
  <sheets>
    <sheet name="Works to be Done" sheetId="4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O38" i="4" l="1"/>
</calcChain>
</file>

<file path=xl/sharedStrings.xml><?xml version="1.0" encoding="utf-8"?>
<sst xmlns="http://schemas.openxmlformats.org/spreadsheetml/2006/main" count="28" uniqueCount="28">
  <si>
    <t>*Prices are Estimated. If will spend less amount we will calculate this for support period.</t>
  </si>
  <si>
    <t>M2</t>
  </si>
  <si>
    <t>M3</t>
  </si>
  <si>
    <t>M4</t>
  </si>
  <si>
    <t>M1</t>
  </si>
  <si>
    <t>List of App users</t>
  </si>
  <si>
    <t>List of Behaviors</t>
  </si>
  <si>
    <t>Management Dashboard</t>
  </si>
  <si>
    <t>Designs</t>
  </si>
  <si>
    <t>Structure design</t>
  </si>
  <si>
    <t>All pages design</t>
  </si>
  <si>
    <t>List of operations</t>
  </si>
  <si>
    <t>Language management</t>
  </si>
  <si>
    <t>Admin roles</t>
  </si>
  <si>
    <t>Translations management</t>
  </si>
  <si>
    <t>Client messages management</t>
  </si>
  <si>
    <t>Statisitc reports</t>
  </si>
  <si>
    <t>Web (All functionalities)</t>
  </si>
  <si>
    <t>Current Website information will transfer here</t>
  </si>
  <si>
    <t>Unique account management</t>
  </si>
  <si>
    <t>Centralized account amnagement</t>
  </si>
  <si>
    <t>Client account panel</t>
  </si>
  <si>
    <t>6 week</t>
  </si>
  <si>
    <t>4 week</t>
  </si>
  <si>
    <t>3 week</t>
  </si>
  <si>
    <t>Option 1: Mobile Applications (Multiplatform)</t>
  </si>
  <si>
    <t>IOS + Android</t>
  </si>
  <si>
    <t>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6" formatCode="&quot;$&quot;#,##0_);[Red]\(&quot;$&quot;#,##0\)"/>
  </numFmts>
  <fonts count="8" x14ac:knownFonts="1">
    <font>
      <sz val="11"/>
      <color theme="1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5700"/>
      <name val="Calibri"/>
      <family val="2"/>
      <scheme val="minor"/>
    </font>
    <font>
      <sz val="15"/>
      <color theme="1"/>
      <name val="Calibri"/>
      <family val="2"/>
      <scheme val="minor"/>
    </font>
    <font>
      <b/>
      <sz val="15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color rgb="FF006100"/>
      <name val="Calibri"/>
      <family val="2"/>
      <scheme val="minor"/>
    </font>
    <font>
      <b/>
      <sz val="11"/>
      <color rgb="FF9C5700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EB9C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1" fillId="2" borderId="0" applyNumberFormat="0" applyBorder="0" applyAlignment="0" applyProtection="0"/>
    <xf numFmtId="0" fontId="2" fillId="3" borderId="0" applyNumberFormat="0" applyBorder="0" applyAlignment="0" applyProtection="0"/>
  </cellStyleXfs>
  <cellXfs count="18">
    <xf numFmtId="0" fontId="0" fillId="0" borderId="0" xfId="0"/>
    <xf numFmtId="0" fontId="4" fillId="0" borderId="0" xfId="0" applyFont="1"/>
    <xf numFmtId="0" fontId="4" fillId="4" borderId="0" xfId="0" applyFont="1" applyFill="1"/>
    <xf numFmtId="0" fontId="0" fillId="4" borderId="0" xfId="0" applyFill="1"/>
    <xf numFmtId="0" fontId="3" fillId="4" borderId="0" xfId="0" applyFont="1" applyFill="1"/>
    <xf numFmtId="0" fontId="4" fillId="5" borderId="0" xfId="0" applyFont="1" applyFill="1"/>
    <xf numFmtId="0" fontId="0" fillId="5" borderId="0" xfId="0" applyFill="1"/>
    <xf numFmtId="6" fontId="4" fillId="4" borderId="0" xfId="0" applyNumberFormat="1" applyFont="1" applyFill="1"/>
    <xf numFmtId="6" fontId="0" fillId="0" borderId="0" xfId="0" applyNumberFormat="1"/>
    <xf numFmtId="6" fontId="4" fillId="5" borderId="0" xfId="0" applyNumberFormat="1" applyFont="1" applyFill="1"/>
    <xf numFmtId="0" fontId="0" fillId="0" borderId="0" xfId="0" applyAlignment="1">
      <alignment horizontal="left" wrapText="1"/>
    </xf>
    <xf numFmtId="16" fontId="5" fillId="0" borderId="0" xfId="0" applyNumberFormat="1" applyFont="1" applyAlignment="1">
      <alignment horizontal="left"/>
    </xf>
    <xf numFmtId="0" fontId="6" fillId="2" borderId="0" xfId="1" applyFont="1" applyAlignment="1">
      <alignment horizontal="left" wrapText="1"/>
    </xf>
    <xf numFmtId="0" fontId="7" fillId="3" borderId="0" xfId="2" applyFont="1" applyAlignment="1">
      <alignment horizontal="left" wrapText="1"/>
    </xf>
    <xf numFmtId="0" fontId="7" fillId="3" borderId="0" xfId="2" applyFont="1"/>
    <xf numFmtId="0" fontId="0" fillId="0" borderId="0" xfId="0" applyAlignment="1">
      <alignment horizontal="left" vertical="center" wrapText="1"/>
    </xf>
    <xf numFmtId="6" fontId="4" fillId="0" borderId="0" xfId="0" applyNumberFormat="1" applyFont="1" applyAlignment="1">
      <alignment horizontal="left"/>
    </xf>
    <xf numFmtId="6" fontId="4" fillId="5" borderId="0" xfId="0" applyNumberFormat="1" applyFont="1" applyFill="1" applyAlignment="1">
      <alignment horizontal="left"/>
    </xf>
  </cellXfs>
  <cellStyles count="3">
    <cellStyle name="Good" xfId="1" builtinId="26"/>
    <cellStyle name="Neutral" xfId="2" builtinId="2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65A690-C3B2-4003-B92C-50294E963CA0}">
  <dimension ref="J2:O38"/>
  <sheetViews>
    <sheetView tabSelected="1" topLeftCell="A2" zoomScale="85" zoomScaleNormal="85" workbookViewId="0">
      <selection activeCell="AA6" sqref="AA6"/>
    </sheetView>
  </sheetViews>
  <sheetFormatPr defaultColWidth="4" defaultRowHeight="15" x14ac:dyDescent="0.25"/>
  <cols>
    <col min="10" max="10" width="4.7109375" customWidth="1"/>
    <col min="11" max="11" width="55.85546875" customWidth="1"/>
    <col min="12" max="12" width="16" customWidth="1"/>
    <col min="13" max="13" width="20.7109375" customWidth="1"/>
    <col min="14" max="15" width="16" customWidth="1"/>
  </cols>
  <sheetData>
    <row r="2" spans="10:15" ht="30.75" customHeight="1" x14ac:dyDescent="0.25">
      <c r="K2" s="15" t="s">
        <v>0</v>
      </c>
      <c r="L2" s="15"/>
      <c r="M2" s="15"/>
    </row>
    <row r="3" spans="10:15" ht="12" customHeight="1" x14ac:dyDescent="0.25">
      <c r="K3" s="10"/>
      <c r="L3" s="10"/>
      <c r="M3" s="10"/>
    </row>
    <row r="4" spans="10:15" ht="30.75" customHeight="1" x14ac:dyDescent="0.25">
      <c r="K4" s="10"/>
      <c r="L4" s="12" t="s">
        <v>4</v>
      </c>
      <c r="M4" s="13" t="s">
        <v>1</v>
      </c>
      <c r="N4" s="14" t="s">
        <v>2</v>
      </c>
      <c r="O4" s="14" t="s">
        <v>3</v>
      </c>
    </row>
    <row r="5" spans="10:15" x14ac:dyDescent="0.25">
      <c r="L5" s="11" t="s">
        <v>22</v>
      </c>
      <c r="M5" t="s">
        <v>23</v>
      </c>
      <c r="N5" t="s">
        <v>24</v>
      </c>
    </row>
    <row r="9" spans="10:15" s="3" customFormat="1" ht="19.5" x14ac:dyDescent="0.3">
      <c r="J9" s="4">
        <v>2</v>
      </c>
      <c r="K9" s="2" t="s">
        <v>8</v>
      </c>
      <c r="L9" s="7">
        <v>1500</v>
      </c>
    </row>
    <row r="10" spans="10:15" x14ac:dyDescent="0.25">
      <c r="K10" t="s">
        <v>9</v>
      </c>
    </row>
    <row r="11" spans="10:15" x14ac:dyDescent="0.25">
      <c r="K11" t="s">
        <v>10</v>
      </c>
      <c r="O11" s="8"/>
    </row>
    <row r="13" spans="10:15" s="3" customFormat="1" ht="19.5" x14ac:dyDescent="0.3">
      <c r="J13" s="2">
        <v>2</v>
      </c>
      <c r="K13" s="2" t="s">
        <v>7</v>
      </c>
      <c r="M13" s="7">
        <v>3500</v>
      </c>
    </row>
    <row r="14" spans="10:15" x14ac:dyDescent="0.25">
      <c r="K14" t="s">
        <v>5</v>
      </c>
    </row>
    <row r="15" spans="10:15" x14ac:dyDescent="0.25">
      <c r="K15" t="s">
        <v>6</v>
      </c>
    </row>
    <row r="16" spans="10:15" x14ac:dyDescent="0.25">
      <c r="K16" t="s">
        <v>11</v>
      </c>
    </row>
    <row r="17" spans="10:15" x14ac:dyDescent="0.25">
      <c r="K17" t="s">
        <v>12</v>
      </c>
    </row>
    <row r="18" spans="10:15" x14ac:dyDescent="0.25">
      <c r="K18" t="s">
        <v>14</v>
      </c>
    </row>
    <row r="19" spans="10:15" x14ac:dyDescent="0.25">
      <c r="K19" t="s">
        <v>15</v>
      </c>
    </row>
    <row r="20" spans="10:15" x14ac:dyDescent="0.25">
      <c r="K20" t="s">
        <v>13</v>
      </c>
    </row>
    <row r="21" spans="10:15" x14ac:dyDescent="0.25">
      <c r="K21" t="s">
        <v>20</v>
      </c>
    </row>
    <row r="22" spans="10:15" x14ac:dyDescent="0.25">
      <c r="K22" t="s">
        <v>16</v>
      </c>
    </row>
    <row r="24" spans="10:15" s="3" customFormat="1" ht="19.5" x14ac:dyDescent="0.3">
      <c r="J24" s="2">
        <v>5</v>
      </c>
      <c r="K24" s="2" t="s">
        <v>17</v>
      </c>
      <c r="M24" s="7"/>
      <c r="N24" s="7">
        <v>2000</v>
      </c>
    </row>
    <row r="26" spans="10:15" x14ac:dyDescent="0.25">
      <c r="K26" t="s">
        <v>18</v>
      </c>
    </row>
    <row r="27" spans="10:15" x14ac:dyDescent="0.25">
      <c r="K27" t="s">
        <v>19</v>
      </c>
    </row>
    <row r="28" spans="10:15" x14ac:dyDescent="0.25">
      <c r="K28" t="s">
        <v>21</v>
      </c>
    </row>
    <row r="31" spans="10:15" s="6" customFormat="1" ht="19.5" x14ac:dyDescent="0.3">
      <c r="J31" s="5">
        <v>6</v>
      </c>
      <c r="K31" s="5" t="s">
        <v>25</v>
      </c>
      <c r="M31" s="9"/>
      <c r="O31" s="17">
        <v>7000</v>
      </c>
    </row>
    <row r="32" spans="10:15" s="1" customFormat="1" ht="19.5" x14ac:dyDescent="0.3">
      <c r="K32" s="1" t="s">
        <v>26</v>
      </c>
      <c r="O32" s="16">
        <v>10000</v>
      </c>
    </row>
    <row r="33" spans="11:15" s="1" customFormat="1" ht="19.5" x14ac:dyDescent="0.3"/>
    <row r="34" spans="11:15" x14ac:dyDescent="0.25">
      <c r="M34" s="8"/>
    </row>
    <row r="38" spans="11:15" s="1" customFormat="1" ht="19.5" x14ac:dyDescent="0.3">
      <c r="K38" s="1" t="s">
        <v>27</v>
      </c>
      <c r="O38" s="16">
        <f>L9+M13+N24</f>
        <v>7000</v>
      </c>
    </row>
  </sheetData>
  <mergeCells count="1">
    <mergeCell ref="K2:M2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Works to be Don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amil Abbasov</dc:creator>
  <cp:lastModifiedBy>Shamil Abbasov</cp:lastModifiedBy>
  <dcterms:created xsi:type="dcterms:W3CDTF">2021-12-27T06:12:13Z</dcterms:created>
  <dcterms:modified xsi:type="dcterms:W3CDTF">2022-08-01T06:49:56Z</dcterms:modified>
</cp:coreProperties>
</file>